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aansta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5F5FA33-5FCA-043B-DB6B-396FDE1926A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9926" y="5050991"/>
            <a:ext cx="2206700" cy="157999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2FC6DB7-C8FD-542D-44EE-112D63EEBFA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7301" y="4124325"/>
            <a:ext cx="1786923" cy="127943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30T06:10:18Z</dcterms:modified>
</cp:coreProperties>
</file>